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s3\publikasi\PDD Dikti tahun 1\revisi 3\resubmit\"/>
    </mc:Choice>
  </mc:AlternateContent>
  <bookViews>
    <workbookView xWindow="0" yWindow="0" windowWidth="20490" windowHeight="7755"/>
  </bookViews>
  <sheets>
    <sheet name="Supplementary Material 2 Thermo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9" uniqueCount="21">
  <si>
    <t>Core</t>
  </si>
  <si>
    <t>Age (ka BP)</t>
  </si>
  <si>
    <t>Longitude (⁰E)</t>
  </si>
  <si>
    <t>Latitude (⁰S)</t>
  </si>
  <si>
    <t>Acquisition</t>
  </si>
  <si>
    <t xml:space="preserve"> </t>
  </si>
  <si>
    <t>*data smoothing conducted using exponential method with a damping factor of 0.7</t>
  </si>
  <si>
    <t>Thermocline dwellers (%)</t>
  </si>
  <si>
    <t>Thermocline dwellers smoothing (%)</t>
  </si>
  <si>
    <t>ST10</t>
  </si>
  <si>
    <t>Location</t>
  </si>
  <si>
    <r>
      <t xml:space="preserve">Thermocline dwellers (i.e. </t>
    </r>
    <r>
      <rPr>
        <i/>
        <sz val="11"/>
        <color theme="1"/>
        <rFont val="Times New Roman"/>
        <family val="1"/>
      </rPr>
      <t xml:space="preserve">Neogloboquadrina dutertrei, Pulleniatina obliqueloculata </t>
    </r>
    <r>
      <rPr>
        <sz val="11"/>
        <color theme="1"/>
        <rFont val="Times New Roman"/>
        <family val="1"/>
      </rPr>
      <t>and</t>
    </r>
    <r>
      <rPr>
        <i/>
        <sz val="11"/>
        <color theme="1"/>
        <rFont val="Times New Roman"/>
        <family val="1"/>
      </rPr>
      <t xml:space="preserve"> Globorotalia menardii</t>
    </r>
    <r>
      <rPr>
        <sz val="11"/>
        <color theme="1"/>
        <rFont val="Times New Roman"/>
        <family val="1"/>
      </rPr>
      <t>) relative abundance of gravity core ST10</t>
    </r>
  </si>
  <si>
    <t>August 2016</t>
  </si>
  <si>
    <t>Length (total)(cm)</t>
  </si>
  <si>
    <t xml:space="preserve">Length (studied) (cm) </t>
  </si>
  <si>
    <r>
      <rPr>
        <i/>
        <sz val="11"/>
        <color theme="1"/>
        <rFont val="Times New Roman"/>
        <family val="1"/>
      </rPr>
      <t>Neogloboquadrina dutertrei</t>
    </r>
    <r>
      <rPr>
        <sz val="11"/>
        <color theme="1"/>
        <rFont val="Times New Roman"/>
        <family val="1"/>
      </rPr>
      <t xml:space="preserve"> (%)</t>
    </r>
  </si>
  <si>
    <r>
      <rPr>
        <i/>
        <sz val="11"/>
        <color theme="1"/>
        <rFont val="Times New Roman"/>
        <family val="1"/>
      </rPr>
      <t>Pulleniatina obliqueloculata</t>
    </r>
    <r>
      <rPr>
        <sz val="11"/>
        <color theme="1"/>
        <rFont val="Times New Roman"/>
        <family val="1"/>
      </rPr>
      <t xml:space="preserve"> (%)</t>
    </r>
  </si>
  <si>
    <r>
      <t xml:space="preserve">Globorotalia menardii </t>
    </r>
    <r>
      <rPr>
        <sz val="11"/>
        <color theme="1"/>
        <rFont val="Times New Roman"/>
        <family val="1"/>
      </rPr>
      <t>(%)</t>
    </r>
  </si>
  <si>
    <t>Top Depth (cm)</t>
  </si>
  <si>
    <t>Bottom Depth (cm)</t>
  </si>
  <si>
    <t>off South Sumba, western Savu Stra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00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i/>
      <sz val="11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1" fillId="0" borderId="0" xfId="0" applyFont="1"/>
    <xf numFmtId="0" fontId="1" fillId="0" borderId="1" xfId="0" applyFont="1" applyBorder="1" applyAlignment="1">
      <alignment textRotation="90" wrapText="1"/>
    </xf>
    <xf numFmtId="0" fontId="1" fillId="0" borderId="1" xfId="0" applyFont="1" applyFill="1" applyBorder="1"/>
    <xf numFmtId="0" fontId="1" fillId="0" borderId="1" xfId="0" applyFont="1" applyBorder="1"/>
    <xf numFmtId="0" fontId="1" fillId="0" borderId="1" xfId="0" applyFont="1" applyBorder="1" applyAlignment="1">
      <alignment horizontal="center" textRotation="90" wrapText="1"/>
    </xf>
    <xf numFmtId="0" fontId="2" fillId="0" borderId="1" xfId="0" applyFont="1" applyBorder="1" applyAlignment="1">
      <alignment horizontal="center" textRotation="90" wrapText="1"/>
    </xf>
    <xf numFmtId="164" fontId="1" fillId="0" borderId="1" xfId="0" applyNumberFormat="1" applyFont="1" applyBorder="1"/>
    <xf numFmtId="0" fontId="1" fillId="0" borderId="2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3" xfId="0" applyFont="1" applyBorder="1" applyAlignment="1">
      <alignment horizontal="center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17" fontId="1" fillId="0" borderId="2" xfId="0" quotePrefix="1" applyNumberFormat="1" applyFont="1" applyBorder="1" applyAlignment="1">
      <alignment horizontal="center"/>
    </xf>
    <xf numFmtId="17" fontId="1" fillId="0" borderId="3" xfId="0" quotePrefix="1" applyNumberFormat="1" applyFont="1" applyBorder="1" applyAlignment="1">
      <alignment horizontal="center"/>
    </xf>
    <xf numFmtId="0" fontId="1" fillId="0" borderId="2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1"/>
  <sheetViews>
    <sheetView tabSelected="1" workbookViewId="0">
      <selection activeCell="D13" sqref="D13:D51"/>
    </sheetView>
  </sheetViews>
  <sheetFormatPr defaultRowHeight="15" x14ac:dyDescent="0.25"/>
  <cols>
    <col min="1" max="1" width="7.140625" customWidth="1"/>
    <col min="3" max="3" width="9.85546875" customWidth="1"/>
  </cols>
  <sheetData>
    <row r="1" spans="1:9" x14ac:dyDescent="0.25">
      <c r="A1" s="1" t="s">
        <v>11</v>
      </c>
      <c r="B1" s="1"/>
      <c r="C1" s="1"/>
      <c r="D1" s="1"/>
      <c r="E1" s="1"/>
      <c r="F1" s="1"/>
      <c r="G1" s="1"/>
    </row>
    <row r="2" spans="1:9" x14ac:dyDescent="0.25">
      <c r="A2" s="1"/>
      <c r="B2" s="1"/>
      <c r="C2" s="1"/>
      <c r="D2" s="1"/>
      <c r="E2" s="1"/>
      <c r="F2" s="1"/>
      <c r="G2" s="1"/>
    </row>
    <row r="3" spans="1:9" ht="36" customHeight="1" x14ac:dyDescent="0.25">
      <c r="A3" s="15" t="s">
        <v>10</v>
      </c>
      <c r="B3" s="16"/>
      <c r="C3" s="17"/>
      <c r="D3" s="11" t="s">
        <v>20</v>
      </c>
      <c r="E3" s="12"/>
      <c r="G3" s="1"/>
    </row>
    <row r="4" spans="1:9" x14ac:dyDescent="0.25">
      <c r="A4" s="8" t="s">
        <v>2</v>
      </c>
      <c r="B4" s="9"/>
      <c r="C4" s="10"/>
      <c r="D4" s="8">
        <v>119.88500000000001</v>
      </c>
      <c r="E4" s="10"/>
      <c r="G4" s="1"/>
    </row>
    <row r="5" spans="1:9" x14ac:dyDescent="0.25">
      <c r="A5" s="8" t="s">
        <v>3</v>
      </c>
      <c r="B5" s="9"/>
      <c r="C5" s="10"/>
      <c r="D5" s="8">
        <v>10.491</v>
      </c>
      <c r="E5" s="10"/>
      <c r="G5" s="1"/>
    </row>
    <row r="6" spans="1:9" x14ac:dyDescent="0.25">
      <c r="A6" s="8" t="s">
        <v>13</v>
      </c>
      <c r="B6" s="9"/>
      <c r="C6" s="10"/>
      <c r="D6" s="8">
        <v>137</v>
      </c>
      <c r="E6" s="10"/>
      <c r="G6" s="1"/>
    </row>
    <row r="7" spans="1:9" x14ac:dyDescent="0.25">
      <c r="A7" s="8" t="s">
        <v>14</v>
      </c>
      <c r="B7" s="9"/>
      <c r="C7" s="10"/>
      <c r="D7" s="8">
        <v>77</v>
      </c>
      <c r="E7" s="10"/>
      <c r="G7" s="1"/>
    </row>
    <row r="8" spans="1:9" x14ac:dyDescent="0.25">
      <c r="A8" s="8" t="s">
        <v>4</v>
      </c>
      <c r="B8" s="9"/>
      <c r="C8" s="10"/>
      <c r="D8" s="13" t="s">
        <v>12</v>
      </c>
      <c r="E8" s="14"/>
      <c r="G8" s="1"/>
    </row>
    <row r="9" spans="1:9" x14ac:dyDescent="0.25">
      <c r="A9" s="1" t="s">
        <v>5</v>
      </c>
      <c r="B9" s="1"/>
      <c r="C9" s="1"/>
      <c r="D9" s="1"/>
      <c r="E9" s="1"/>
      <c r="F9" s="1"/>
      <c r="G9" s="1"/>
    </row>
    <row r="10" spans="1:9" x14ac:dyDescent="0.25">
      <c r="A10" s="1" t="s">
        <v>6</v>
      </c>
      <c r="B10" s="1"/>
      <c r="C10" s="1"/>
      <c r="D10" s="1"/>
      <c r="E10" s="1"/>
      <c r="F10" s="1"/>
      <c r="G10" s="1"/>
    </row>
    <row r="11" spans="1:9" x14ac:dyDescent="0.25">
      <c r="A11" s="1"/>
      <c r="B11" s="1"/>
      <c r="C11" s="1"/>
      <c r="D11" s="1"/>
      <c r="E11" s="1"/>
      <c r="F11" s="1"/>
      <c r="G11" s="1"/>
    </row>
    <row r="12" spans="1:9" ht="113.25" customHeight="1" x14ac:dyDescent="0.25">
      <c r="A12" s="2" t="s">
        <v>0</v>
      </c>
      <c r="B12" s="2" t="s">
        <v>18</v>
      </c>
      <c r="C12" s="2" t="s">
        <v>19</v>
      </c>
      <c r="D12" s="2" t="s">
        <v>1</v>
      </c>
      <c r="E12" s="5" t="s">
        <v>15</v>
      </c>
      <c r="F12" s="5" t="s">
        <v>16</v>
      </c>
      <c r="G12" s="6" t="s">
        <v>17</v>
      </c>
      <c r="H12" s="5" t="s">
        <v>7</v>
      </c>
      <c r="I12" s="5" t="s">
        <v>8</v>
      </c>
    </row>
    <row r="13" spans="1:9" x14ac:dyDescent="0.25">
      <c r="A13" s="3" t="s">
        <v>9</v>
      </c>
      <c r="B13" s="3">
        <v>0</v>
      </c>
      <c r="C13" s="3">
        <v>1</v>
      </c>
      <c r="D13" s="7">
        <v>-6.6000000000000003E-2</v>
      </c>
      <c r="E13" s="7">
        <v>22.435040483812731</v>
      </c>
      <c r="F13" s="7">
        <v>6.7522937378465482</v>
      </c>
      <c r="G13" s="7">
        <v>10.905531598828802</v>
      </c>
      <c r="H13" s="7">
        <v>40.092865820488079</v>
      </c>
      <c r="I13" s="7">
        <v>40.092865820488079</v>
      </c>
    </row>
    <row r="14" spans="1:9" x14ac:dyDescent="0.25">
      <c r="A14" s="4" t="s">
        <v>9</v>
      </c>
      <c r="B14" s="4">
        <v>2</v>
      </c>
      <c r="C14" s="4">
        <v>3</v>
      </c>
      <c r="D14" s="7">
        <v>0.78700000000000003</v>
      </c>
      <c r="E14" s="7">
        <v>15.12404094299708</v>
      </c>
      <c r="F14" s="7">
        <v>6.9044534739769281</v>
      </c>
      <c r="G14" s="7">
        <v>11.507422456628213</v>
      </c>
      <c r="H14" s="7">
        <v>33.535916873602226</v>
      </c>
      <c r="I14" s="7">
        <v>38.125781136422319</v>
      </c>
    </row>
    <row r="15" spans="1:9" x14ac:dyDescent="0.25">
      <c r="A15" s="4" t="s">
        <v>9</v>
      </c>
      <c r="B15" s="4">
        <v>4</v>
      </c>
      <c r="C15" s="4">
        <v>5</v>
      </c>
      <c r="D15" s="7">
        <v>1.6080000000000001</v>
      </c>
      <c r="E15" s="7">
        <v>25.619979468522086</v>
      </c>
      <c r="F15" s="7">
        <v>6.5247855862361526</v>
      </c>
      <c r="G15" s="7">
        <v>8.9587422528862763</v>
      </c>
      <c r="H15" s="7">
        <v>41.103507307644513</v>
      </c>
      <c r="I15" s="7">
        <v>39.019098987788979</v>
      </c>
    </row>
    <row r="16" spans="1:9" x14ac:dyDescent="0.25">
      <c r="A16" s="4" t="s">
        <v>9</v>
      </c>
      <c r="B16" s="4">
        <v>6</v>
      </c>
      <c r="C16" s="3">
        <v>7</v>
      </c>
      <c r="D16" s="7">
        <v>2.4089999999999998</v>
      </c>
      <c r="E16" s="7">
        <v>17.40120208078843</v>
      </c>
      <c r="F16" s="7">
        <v>3.0595520142045598</v>
      </c>
      <c r="G16" s="7">
        <v>10.70843204971596</v>
      </c>
      <c r="H16" s="7">
        <v>31.169186144708956</v>
      </c>
      <c r="I16" s="7">
        <v>36.664125134864967</v>
      </c>
    </row>
    <row r="17" spans="1:9" x14ac:dyDescent="0.25">
      <c r="A17" s="4" t="s">
        <v>9</v>
      </c>
      <c r="B17" s="4">
        <v>8</v>
      </c>
      <c r="C17" s="4">
        <v>9</v>
      </c>
      <c r="D17" s="7">
        <v>3.2080000000000002</v>
      </c>
      <c r="E17" s="7">
        <v>19.430610766011224</v>
      </c>
      <c r="F17" s="7">
        <v>9.3266931676853897</v>
      </c>
      <c r="G17" s="7">
        <v>5.8992111510040708</v>
      </c>
      <c r="H17" s="7">
        <v>34.656515084700686</v>
      </c>
      <c r="I17" s="7">
        <v>36.06184211981568</v>
      </c>
    </row>
    <row r="18" spans="1:9" x14ac:dyDescent="0.25">
      <c r="A18" s="4" t="s">
        <v>9</v>
      </c>
      <c r="B18" s="4">
        <v>10</v>
      </c>
      <c r="C18" s="4">
        <v>11</v>
      </c>
      <c r="D18" s="7">
        <v>4.0279999999999996</v>
      </c>
      <c r="E18" s="7">
        <v>23.93665652952874</v>
      </c>
      <c r="F18" s="7">
        <v>5.984164132382185</v>
      </c>
      <c r="G18" s="7">
        <v>8.6081983438349283</v>
      </c>
      <c r="H18" s="7">
        <v>38.529019005745852</v>
      </c>
      <c r="I18" s="7">
        <v>36.801995185594727</v>
      </c>
    </row>
    <row r="19" spans="1:9" x14ac:dyDescent="0.25">
      <c r="A19" s="4" t="s">
        <v>9</v>
      </c>
      <c r="B19" s="4">
        <v>12</v>
      </c>
      <c r="C19" s="3">
        <v>13</v>
      </c>
      <c r="D19" s="7">
        <v>4.8019999999999996</v>
      </c>
      <c r="E19" s="7">
        <v>21.486314099193404</v>
      </c>
      <c r="F19" s="7">
        <v>7.2351874007487993</v>
      </c>
      <c r="G19" s="7">
        <v>8.3314279160137694</v>
      </c>
      <c r="H19" s="7">
        <v>37.052929415955973</v>
      </c>
      <c r="I19" s="7">
        <v>36.877275454703103</v>
      </c>
    </row>
    <row r="20" spans="1:9" x14ac:dyDescent="0.25">
      <c r="A20" s="4" t="s">
        <v>9</v>
      </c>
      <c r="B20" s="4">
        <v>14</v>
      </c>
      <c r="C20" s="4">
        <v>15</v>
      </c>
      <c r="D20" s="7">
        <v>5.6050000000000004</v>
      </c>
      <c r="E20" s="7">
        <v>22.654013496033411</v>
      </c>
      <c r="F20" s="7">
        <v>5.1950754155335561</v>
      </c>
      <c r="G20" s="7">
        <v>4.4283971190323212</v>
      </c>
      <c r="H20" s="7">
        <v>32.277486030599292</v>
      </c>
      <c r="I20" s="7">
        <v>35.497338627471962</v>
      </c>
    </row>
    <row r="21" spans="1:9" x14ac:dyDescent="0.25">
      <c r="A21" s="4" t="s">
        <v>9</v>
      </c>
      <c r="B21" s="4">
        <v>16</v>
      </c>
      <c r="C21" s="4">
        <v>17</v>
      </c>
      <c r="D21" s="7">
        <v>6.4480000000000004</v>
      </c>
      <c r="E21" s="7">
        <v>17.207127284985297</v>
      </c>
      <c r="F21" s="7">
        <v>6.0167656688749709</v>
      </c>
      <c r="G21" s="7">
        <v>11.237927032248104</v>
      </c>
      <c r="H21" s="7">
        <v>34.461819986108374</v>
      </c>
      <c r="I21" s="7">
        <v>35.186683035062885</v>
      </c>
    </row>
    <row r="22" spans="1:9" x14ac:dyDescent="0.25">
      <c r="A22" s="4" t="s">
        <v>9</v>
      </c>
      <c r="B22" s="4">
        <v>18</v>
      </c>
      <c r="C22" s="3">
        <v>19</v>
      </c>
      <c r="D22" s="7">
        <v>7.3150000000000004</v>
      </c>
      <c r="E22" s="7">
        <v>15.389596371558678</v>
      </c>
      <c r="F22" s="7">
        <v>6.8398206095816354</v>
      </c>
      <c r="G22" s="7">
        <v>11.969686066767862</v>
      </c>
      <c r="H22" s="7">
        <v>34.199103047908174</v>
      </c>
      <c r="I22" s="7">
        <v>34.890409038916474</v>
      </c>
    </row>
    <row r="23" spans="1:9" x14ac:dyDescent="0.25">
      <c r="A23" s="4" t="s">
        <v>9</v>
      </c>
      <c r="B23" s="4">
        <v>20</v>
      </c>
      <c r="C23" s="4">
        <v>21</v>
      </c>
      <c r="D23" s="7">
        <v>8.1649999999999991</v>
      </c>
      <c r="E23" s="7">
        <v>15.417290139184187</v>
      </c>
      <c r="F23" s="7">
        <v>7.6085207824881911</v>
      </c>
      <c r="G23" s="7">
        <v>8.809880079533821</v>
      </c>
      <c r="H23" s="7">
        <v>31.8356910012062</v>
      </c>
      <c r="I23" s="7">
        <v>33.973993627603392</v>
      </c>
    </row>
    <row r="24" spans="1:9" x14ac:dyDescent="0.25">
      <c r="A24" s="4" t="s">
        <v>9</v>
      </c>
      <c r="B24" s="4">
        <v>22</v>
      </c>
      <c r="C24" s="4">
        <v>23</v>
      </c>
      <c r="D24" s="7">
        <v>8.9760000000000009</v>
      </c>
      <c r="E24" s="7">
        <v>24.720771978265805</v>
      </c>
      <c r="F24" s="7">
        <v>5.056521541008915</v>
      </c>
      <c r="G24" s="7">
        <v>10.535431181410109</v>
      </c>
      <c r="H24" s="7">
        <v>40.312724700684825</v>
      </c>
      <c r="I24" s="7">
        <v>35.87561294952782</v>
      </c>
    </row>
    <row r="25" spans="1:9" x14ac:dyDescent="0.25">
      <c r="A25" s="4" t="s">
        <v>9</v>
      </c>
      <c r="B25" s="4">
        <v>24</v>
      </c>
      <c r="C25" s="3">
        <v>25</v>
      </c>
      <c r="D25" s="7">
        <v>9.7479999999999993</v>
      </c>
      <c r="E25" s="7">
        <v>19.09647229988186</v>
      </c>
      <c r="F25" s="7">
        <v>9.758230249526143</v>
      </c>
      <c r="G25" s="7">
        <v>6.9676317850920304</v>
      </c>
      <c r="H25" s="7">
        <v>35.822334334500034</v>
      </c>
      <c r="I25" s="7">
        <v>35.859629365019487</v>
      </c>
    </row>
    <row r="26" spans="1:9" x14ac:dyDescent="0.25">
      <c r="A26" s="4" t="s">
        <v>9</v>
      </c>
      <c r="B26" s="4">
        <v>26</v>
      </c>
      <c r="C26" s="4">
        <v>27</v>
      </c>
      <c r="D26" s="7">
        <v>10.525</v>
      </c>
      <c r="E26" s="7">
        <v>24.551155292412087</v>
      </c>
      <c r="F26" s="7">
        <v>10.179747316365988</v>
      </c>
      <c r="G26" s="7">
        <v>8.3833213193602241</v>
      </c>
      <c r="H26" s="7">
        <v>43.114223928138308</v>
      </c>
      <c r="I26" s="7">
        <v>38.036007733955131</v>
      </c>
    </row>
    <row r="27" spans="1:9" x14ac:dyDescent="0.25">
      <c r="A27" s="4" t="s">
        <v>9</v>
      </c>
      <c r="B27" s="4">
        <v>28</v>
      </c>
      <c r="C27" s="4">
        <v>29</v>
      </c>
      <c r="D27" s="7">
        <v>11.315</v>
      </c>
      <c r="E27" s="7">
        <v>17.174428044794428</v>
      </c>
      <c r="F27" s="7">
        <v>7.2675739075053221</v>
      </c>
      <c r="G27" s="7">
        <v>13.954222786395473</v>
      </c>
      <c r="H27" s="7">
        <v>38.396224738695231</v>
      </c>
      <c r="I27" s="7">
        <v>38.144072835377159</v>
      </c>
    </row>
    <row r="28" spans="1:9" x14ac:dyDescent="0.25">
      <c r="A28" s="4" t="s">
        <v>9</v>
      </c>
      <c r="B28" s="4">
        <v>30</v>
      </c>
      <c r="C28" s="3">
        <v>31</v>
      </c>
      <c r="D28" s="7">
        <v>12.083</v>
      </c>
      <c r="E28" s="7">
        <v>22.053244084455972</v>
      </c>
      <c r="F28" s="7">
        <v>5.1330649769290613</v>
      </c>
      <c r="G28" s="7">
        <v>13.639192807861713</v>
      </c>
      <c r="H28" s="7">
        <v>40.82550186924675</v>
      </c>
      <c r="I28" s="7">
        <v>38.948501545538036</v>
      </c>
    </row>
    <row r="29" spans="1:9" x14ac:dyDescent="0.25">
      <c r="A29" s="4" t="s">
        <v>9</v>
      </c>
      <c r="B29" s="4">
        <v>32</v>
      </c>
      <c r="C29" s="4">
        <v>33</v>
      </c>
      <c r="D29" s="7">
        <v>12.47</v>
      </c>
      <c r="E29" s="7">
        <v>28.201686361550994</v>
      </c>
      <c r="F29" s="7">
        <v>7.7482817199664487</v>
      </c>
      <c r="G29" s="7">
        <v>13.075266921592746</v>
      </c>
      <c r="H29" s="7">
        <v>49.02523500311019</v>
      </c>
      <c r="I29" s="7">
        <v>41.971521582809679</v>
      </c>
    </row>
    <row r="30" spans="1:9" x14ac:dyDescent="0.25">
      <c r="A30" s="4" t="s">
        <v>9</v>
      </c>
      <c r="B30" s="4">
        <v>34</v>
      </c>
      <c r="C30" s="4">
        <v>35</v>
      </c>
      <c r="D30" s="7">
        <v>12.515000000000001</v>
      </c>
      <c r="E30" s="7">
        <v>21.736269468281172</v>
      </c>
      <c r="F30" s="7">
        <v>6.4862586542860079</v>
      </c>
      <c r="G30" s="7">
        <v>9.8428390045046843</v>
      </c>
      <c r="H30" s="7">
        <v>38.065367127071866</v>
      </c>
      <c r="I30" s="7">
        <v>40.799675246088327</v>
      </c>
    </row>
    <row r="31" spans="1:9" x14ac:dyDescent="0.25">
      <c r="A31" s="4" t="s">
        <v>9</v>
      </c>
      <c r="B31" s="4">
        <v>36</v>
      </c>
      <c r="C31" s="3">
        <v>37</v>
      </c>
      <c r="D31" s="7">
        <v>13.474</v>
      </c>
      <c r="E31" s="7">
        <v>25.700844209324135</v>
      </c>
      <c r="F31" s="7">
        <v>6.9697204635455288</v>
      </c>
      <c r="G31" s="7">
        <v>5.6628978766307423</v>
      </c>
      <c r="H31" s="7">
        <v>38.33346254950041</v>
      </c>
      <c r="I31" s="7">
        <v>40.059811437111946</v>
      </c>
    </row>
    <row r="32" spans="1:9" x14ac:dyDescent="0.25">
      <c r="A32" s="4" t="s">
        <v>9</v>
      </c>
      <c r="B32" s="4">
        <v>38</v>
      </c>
      <c r="C32" s="4">
        <v>39</v>
      </c>
      <c r="D32" s="7">
        <v>14.621</v>
      </c>
      <c r="E32" s="7">
        <v>29.701750881726031</v>
      </c>
      <c r="F32" s="7">
        <v>6.2277270559180389</v>
      </c>
      <c r="G32" s="7">
        <v>13.540504078433926</v>
      </c>
      <c r="H32" s="7">
        <v>49.469982016077992</v>
      </c>
      <c r="I32" s="7">
        <v>42.882862610801759</v>
      </c>
    </row>
    <row r="33" spans="1:9" x14ac:dyDescent="0.25">
      <c r="A33" s="4" t="s">
        <v>9</v>
      </c>
      <c r="B33" s="4">
        <v>40</v>
      </c>
      <c r="C33" s="4">
        <v>41</v>
      </c>
      <c r="D33" s="7">
        <v>15.579000000000001</v>
      </c>
      <c r="E33" s="7">
        <v>22.500585930514205</v>
      </c>
      <c r="F33" s="7">
        <v>8.3658741030341428</v>
      </c>
      <c r="G33" s="7">
        <v>8.2940284821254604</v>
      </c>
      <c r="H33" s="7">
        <v>39.160488515673812</v>
      </c>
      <c r="I33" s="7">
        <v>41.766150382263376</v>
      </c>
    </row>
    <row r="34" spans="1:9" x14ac:dyDescent="0.25">
      <c r="A34" s="4" t="s">
        <v>9</v>
      </c>
      <c r="B34" s="4">
        <v>42</v>
      </c>
      <c r="C34" s="3">
        <v>43</v>
      </c>
      <c r="D34" s="7">
        <v>16.073</v>
      </c>
      <c r="E34" s="7">
        <v>37.029864485440214</v>
      </c>
      <c r="F34" s="7">
        <v>6.7327026337164018</v>
      </c>
      <c r="G34" s="7">
        <v>10.519847865181877</v>
      </c>
      <c r="H34" s="7">
        <v>54.282414984338487</v>
      </c>
      <c r="I34" s="7">
        <v>45.521029762885902</v>
      </c>
    </row>
    <row r="35" spans="1:9" x14ac:dyDescent="0.25">
      <c r="A35" s="4" t="s">
        <v>9</v>
      </c>
      <c r="B35" s="4">
        <v>44</v>
      </c>
      <c r="C35" s="4">
        <v>45</v>
      </c>
      <c r="D35" s="7">
        <v>16.073</v>
      </c>
      <c r="E35" s="7">
        <v>22.44144019625568</v>
      </c>
      <c r="F35" s="7">
        <v>6.9247420005114417</v>
      </c>
      <c r="G35" s="7">
        <v>14.080903652552582</v>
      </c>
      <c r="H35" s="7">
        <v>43.447085849319706</v>
      </c>
      <c r="I35" s="7">
        <v>44.898846588816042</v>
      </c>
    </row>
    <row r="36" spans="1:9" x14ac:dyDescent="0.25">
      <c r="A36" s="4" t="s">
        <v>9</v>
      </c>
      <c r="B36" s="4">
        <v>46</v>
      </c>
      <c r="C36" s="4">
        <v>47</v>
      </c>
      <c r="D36" s="7">
        <v>16.504000000000001</v>
      </c>
      <c r="E36" s="7">
        <v>31.720110406513857</v>
      </c>
      <c r="F36" s="7">
        <v>4.7580165609770795</v>
      </c>
      <c r="G36" s="7">
        <v>13.745381176156005</v>
      </c>
      <c r="H36" s="7">
        <v>50.223508143646946</v>
      </c>
      <c r="I36" s="7">
        <v>46.496245055265312</v>
      </c>
    </row>
    <row r="37" spans="1:9" x14ac:dyDescent="0.25">
      <c r="A37" s="4" t="s">
        <v>9</v>
      </c>
      <c r="B37" s="4">
        <v>48</v>
      </c>
      <c r="C37" s="3">
        <v>49</v>
      </c>
      <c r="D37" s="7">
        <v>16.939</v>
      </c>
      <c r="E37" s="7">
        <v>30.48896093347469</v>
      </c>
      <c r="F37" s="7">
        <v>2.9288331397247158</v>
      </c>
      <c r="G37" s="7">
        <v>4.8749370290954417</v>
      </c>
      <c r="H37" s="7">
        <v>38.292731102294844</v>
      </c>
      <c r="I37" s="7">
        <v>44.035190869374169</v>
      </c>
    </row>
    <row r="38" spans="1:9" x14ac:dyDescent="0.25">
      <c r="A38" s="4" t="s">
        <v>9</v>
      </c>
      <c r="B38" s="4">
        <v>50</v>
      </c>
      <c r="C38" s="4">
        <v>51</v>
      </c>
      <c r="D38" s="7">
        <v>17.376000000000001</v>
      </c>
      <c r="E38" s="7">
        <v>28.868532049850103</v>
      </c>
      <c r="F38" s="7">
        <v>7.5738582553878508</v>
      </c>
      <c r="G38" s="7">
        <v>10.264366951057816</v>
      </c>
      <c r="H38" s="7">
        <v>46.706757256295774</v>
      </c>
      <c r="I38" s="7">
        <v>44.836660785450647</v>
      </c>
    </row>
    <row r="39" spans="1:9" x14ac:dyDescent="0.25">
      <c r="A39" s="4" t="s">
        <v>9</v>
      </c>
      <c r="B39" s="4">
        <v>52</v>
      </c>
      <c r="C39" s="4">
        <v>53</v>
      </c>
      <c r="D39" s="7">
        <v>17.812999999999999</v>
      </c>
      <c r="E39" s="7">
        <v>28.382847429554914</v>
      </c>
      <c r="F39" s="7">
        <v>7.4446812929980108</v>
      </c>
      <c r="G39" s="7">
        <v>8.3752664546227624</v>
      </c>
      <c r="H39" s="7">
        <v>44.20279517717568</v>
      </c>
      <c r="I39" s="7">
        <v>44.646501102968152</v>
      </c>
    </row>
    <row r="40" spans="1:9" x14ac:dyDescent="0.25">
      <c r="A40" s="4" t="s">
        <v>9</v>
      </c>
      <c r="B40" s="4">
        <v>54</v>
      </c>
      <c r="C40" s="3">
        <v>55</v>
      </c>
      <c r="D40" s="7">
        <v>18.251000000000001</v>
      </c>
      <c r="E40" s="7">
        <v>29.380046897688537</v>
      </c>
      <c r="F40" s="7">
        <v>2.7980997045417655</v>
      </c>
      <c r="G40" s="7">
        <v>13.990498522708828</v>
      </c>
      <c r="H40" s="7">
        <v>46.168645124939125</v>
      </c>
      <c r="I40" s="7">
        <v>45.10314430955944</v>
      </c>
    </row>
    <row r="41" spans="1:9" x14ac:dyDescent="0.25">
      <c r="A41" s="4" t="s">
        <v>9</v>
      </c>
      <c r="B41" s="4">
        <v>56</v>
      </c>
      <c r="C41" s="4">
        <v>57</v>
      </c>
      <c r="D41" s="7">
        <v>18.669</v>
      </c>
      <c r="E41" s="7">
        <v>28.316276281609387</v>
      </c>
      <c r="F41" s="7">
        <v>5.3463293110450598</v>
      </c>
      <c r="G41" s="7">
        <v>10.837435328242334</v>
      </c>
      <c r="H41" s="7">
        <v>44.50004092089678</v>
      </c>
      <c r="I41" s="7">
        <v>44.922213292960635</v>
      </c>
    </row>
    <row r="42" spans="1:9" x14ac:dyDescent="0.25">
      <c r="A42" s="4" t="s">
        <v>9</v>
      </c>
      <c r="B42" s="4">
        <v>58</v>
      </c>
      <c r="C42" s="4">
        <v>59</v>
      </c>
      <c r="D42" s="7">
        <v>19.097000000000001</v>
      </c>
      <c r="E42" s="7">
        <v>25.875519813250154</v>
      </c>
      <c r="F42" s="7">
        <v>5.270939221217624</v>
      </c>
      <c r="G42" s="7">
        <v>14.375288785138975</v>
      </c>
      <c r="H42" s="7">
        <v>45.521747819606745</v>
      </c>
      <c r="I42" s="7">
        <v>45.102073650954466</v>
      </c>
    </row>
    <row r="43" spans="1:9" x14ac:dyDescent="0.25">
      <c r="A43" s="4" t="s">
        <v>9</v>
      </c>
      <c r="B43" s="4">
        <v>60</v>
      </c>
      <c r="C43" s="3">
        <v>61</v>
      </c>
      <c r="D43" s="7">
        <v>19.527999999999999</v>
      </c>
      <c r="E43" s="7">
        <v>27.830586436333189</v>
      </c>
      <c r="F43" s="7">
        <v>5.6529159750816014</v>
      </c>
      <c r="G43" s="7">
        <v>6.9576466090832971</v>
      </c>
      <c r="H43" s="7">
        <v>40.441149020498088</v>
      </c>
      <c r="I43" s="7">
        <v>43.703796261817551</v>
      </c>
    </row>
    <row r="44" spans="1:9" x14ac:dyDescent="0.25">
      <c r="A44" s="4" t="s">
        <v>9</v>
      </c>
      <c r="B44" s="4">
        <v>62</v>
      </c>
      <c r="C44" s="4">
        <v>63</v>
      </c>
      <c r="D44" s="7">
        <v>19.962</v>
      </c>
      <c r="E44" s="7">
        <v>23.184583661811082</v>
      </c>
      <c r="F44" s="7">
        <v>4.8525872780534822</v>
      </c>
      <c r="G44" s="7">
        <v>13.075026832532997</v>
      </c>
      <c r="H44" s="7">
        <v>41.112197772397558</v>
      </c>
      <c r="I44" s="7">
        <v>42.92631671499155</v>
      </c>
    </row>
    <row r="45" spans="1:9" x14ac:dyDescent="0.25">
      <c r="A45" s="4" t="s">
        <v>9</v>
      </c>
      <c r="B45" s="4">
        <v>64</v>
      </c>
      <c r="C45" s="4">
        <v>65</v>
      </c>
      <c r="D45" s="7">
        <v>20.396999999999998</v>
      </c>
      <c r="E45" s="7">
        <v>33.891580682096283</v>
      </c>
      <c r="F45" s="7">
        <v>6.4851966839989759</v>
      </c>
      <c r="G45" s="7">
        <v>9.6833087663132247</v>
      </c>
      <c r="H45" s="7">
        <v>50.060086132408479</v>
      </c>
      <c r="I45" s="7">
        <v>45.066447540216629</v>
      </c>
    </row>
    <row r="46" spans="1:9" x14ac:dyDescent="0.25">
      <c r="A46" s="4" t="s">
        <v>9</v>
      </c>
      <c r="B46" s="4">
        <v>66</v>
      </c>
      <c r="C46" s="3">
        <v>67</v>
      </c>
      <c r="D46" s="7">
        <v>20.832000000000001</v>
      </c>
      <c r="E46" s="7">
        <v>33.023651174690379</v>
      </c>
      <c r="F46" s="7">
        <v>3.4064039767785186</v>
      </c>
      <c r="G46" s="7">
        <v>13.640203746067767</v>
      </c>
      <c r="H46" s="7">
        <v>50.070258897536654</v>
      </c>
      <c r="I46" s="7">
        <v>46.567590947412633</v>
      </c>
    </row>
    <row r="47" spans="1:9" x14ac:dyDescent="0.25">
      <c r="A47" s="4" t="s">
        <v>9</v>
      </c>
      <c r="B47" s="4">
        <v>68</v>
      </c>
      <c r="C47" s="4">
        <v>69</v>
      </c>
      <c r="D47" s="7">
        <v>21.260999999999999</v>
      </c>
      <c r="E47" s="7">
        <v>28.253217985934455</v>
      </c>
      <c r="F47" s="7">
        <v>5.738934903392936</v>
      </c>
      <c r="G47" s="7">
        <v>11.477869806785868</v>
      </c>
      <c r="H47" s="7">
        <v>45.470022696113254</v>
      </c>
      <c r="I47" s="7">
        <v>46.238320472022821</v>
      </c>
    </row>
    <row r="48" spans="1:9" x14ac:dyDescent="0.25">
      <c r="A48" s="4" t="s">
        <v>9</v>
      </c>
      <c r="B48" s="4">
        <v>70</v>
      </c>
      <c r="C48" s="4">
        <v>71</v>
      </c>
      <c r="D48" s="7">
        <v>21.693000000000001</v>
      </c>
      <c r="E48" s="7">
        <v>30.073401859623068</v>
      </c>
      <c r="F48" s="7">
        <v>5.3947567628540884</v>
      </c>
      <c r="G48" s="7">
        <v>8.7117701995554437</v>
      </c>
      <c r="H48" s="7">
        <v>44.179928822032601</v>
      </c>
      <c r="I48" s="7">
        <v>45.620802977025754</v>
      </c>
    </row>
    <row r="49" spans="1:9" x14ac:dyDescent="0.25">
      <c r="A49" s="4" t="s">
        <v>9</v>
      </c>
      <c r="B49" s="4">
        <v>72</v>
      </c>
      <c r="C49" s="3">
        <v>73</v>
      </c>
      <c r="D49" s="7">
        <v>22.13</v>
      </c>
      <c r="E49" s="7">
        <v>31.391474308561403</v>
      </c>
      <c r="F49" s="7">
        <v>5.9412186699737841</v>
      </c>
      <c r="G49" s="7">
        <v>9.8951386407421804</v>
      </c>
      <c r="H49" s="7">
        <v>47.227831619277367</v>
      </c>
      <c r="I49" s="7">
        <v>46.102911569701234</v>
      </c>
    </row>
    <row r="50" spans="1:9" x14ac:dyDescent="0.25">
      <c r="A50" s="4" t="s">
        <v>9</v>
      </c>
      <c r="B50" s="4">
        <v>74</v>
      </c>
      <c r="C50" s="4">
        <v>75</v>
      </c>
      <c r="D50" s="7">
        <v>22.573</v>
      </c>
      <c r="E50" s="7">
        <v>31.171293914985132</v>
      </c>
      <c r="F50" s="7">
        <v>9.0701271917087904</v>
      </c>
      <c r="G50" s="7">
        <v>12.588407157974766</v>
      </c>
      <c r="H50" s="7">
        <v>52.829828264668677</v>
      </c>
      <c r="I50" s="7">
        <v>48.12098657819147</v>
      </c>
    </row>
    <row r="51" spans="1:9" x14ac:dyDescent="0.25">
      <c r="A51" s="4" t="s">
        <v>9</v>
      </c>
      <c r="B51" s="4">
        <v>76</v>
      </c>
      <c r="C51" s="4">
        <v>77</v>
      </c>
      <c r="D51" s="7">
        <v>23.013999999999999</v>
      </c>
      <c r="E51" s="7">
        <v>34.952007621336243</v>
      </c>
      <c r="F51" s="7">
        <v>6.5908767758169606</v>
      </c>
      <c r="G51" s="7">
        <v>8.7429529846428142</v>
      </c>
      <c r="H51" s="7">
        <v>50.285837381796014</v>
      </c>
      <c r="I51" s="7">
        <v>48.770441819272833</v>
      </c>
    </row>
  </sheetData>
  <mergeCells count="12">
    <mergeCell ref="A8:C8"/>
    <mergeCell ref="D3:E3"/>
    <mergeCell ref="D4:E4"/>
    <mergeCell ref="D5:E5"/>
    <mergeCell ref="D7:E7"/>
    <mergeCell ref="D8:E8"/>
    <mergeCell ref="A6:C6"/>
    <mergeCell ref="D6:E6"/>
    <mergeCell ref="A3:C3"/>
    <mergeCell ref="A4:C4"/>
    <mergeCell ref="A5:C5"/>
    <mergeCell ref="A7:C7"/>
  </mergeCells>
  <pageMargins left="0.7" right="0.7" top="0.75" bottom="0.75" header="0.3" footer="0.3"/>
  <pageSetup paperSize="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pplementary Material 2 Therm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9-21T09:49:07Z</dcterms:created>
  <dcterms:modified xsi:type="dcterms:W3CDTF">2023-01-04T03:48:04Z</dcterms:modified>
</cp:coreProperties>
</file>